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8.4.1）\"/>
    </mc:Choice>
  </mc:AlternateContent>
  <xr:revisionPtr revIDLastSave="0" documentId="13_ncr:1_{381DF977-1976-4807-A7A9-55D267B3E48C}" xr6:coauthVersionLast="36" xr6:coauthVersionMax="47" xr10:uidLastSave="{00000000-0000-0000-0000-000000000000}"/>
  <bookViews>
    <workbookView xWindow="1920" yWindow="45" windowWidth="19740" windowHeight="12195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8年 3月31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1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="90" zoomScaleNormal="9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3"/>
    <col min="8" max="8" width="9.625" style="3" customWidth="1"/>
    <col min="9" max="13" width="8.75" style="3"/>
    <col min="14" max="14" width="9.625" style="3" customWidth="1"/>
    <col min="15" max="16384" width="8.75" style="1"/>
  </cols>
  <sheetData>
    <row r="1" spans="1:14" ht="24" x14ac:dyDescent="0.4">
      <c r="A1" s="19" t="s">
        <v>52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8" t="s">
        <v>38</v>
      </c>
      <c r="B4" s="20" t="s">
        <v>45</v>
      </c>
      <c r="C4" s="20"/>
      <c r="D4" s="20"/>
      <c r="E4" s="20"/>
      <c r="F4" s="20" t="s">
        <v>46</v>
      </c>
      <c r="G4" s="20"/>
      <c r="H4" s="20"/>
      <c r="I4" s="20"/>
      <c r="J4" s="20"/>
      <c r="K4" s="20"/>
      <c r="L4" s="20"/>
      <c r="M4" s="20"/>
      <c r="N4" s="20"/>
    </row>
    <row r="5" spans="1:14" ht="15" customHeight="1" x14ac:dyDescent="0.4">
      <c r="A5" s="18"/>
      <c r="B5" s="20"/>
      <c r="C5" s="20"/>
      <c r="D5" s="20"/>
      <c r="E5" s="20"/>
      <c r="F5" s="20" t="s">
        <v>47</v>
      </c>
      <c r="G5" s="20"/>
      <c r="H5" s="20"/>
      <c r="I5" s="20" t="s">
        <v>48</v>
      </c>
      <c r="J5" s="20"/>
      <c r="K5" s="20"/>
      <c r="L5" s="20" t="s">
        <v>49</v>
      </c>
      <c r="M5" s="20"/>
      <c r="N5" s="20"/>
    </row>
    <row r="6" spans="1:14" ht="15" customHeight="1" x14ac:dyDescent="0.4">
      <c r="A6" s="18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15">
        <v>1125</v>
      </c>
      <c r="C7" s="16">
        <v>17</v>
      </c>
      <c r="D7" s="17">
        <v>5</v>
      </c>
      <c r="E7" s="10">
        <v>1147</v>
      </c>
      <c r="F7" s="8">
        <v>1175</v>
      </c>
      <c r="G7" s="9">
        <v>1201</v>
      </c>
      <c r="H7" s="10">
        <v>2376</v>
      </c>
      <c r="I7" s="8">
        <v>12</v>
      </c>
      <c r="J7" s="9">
        <v>11</v>
      </c>
      <c r="K7" s="10">
        <v>23</v>
      </c>
      <c r="L7" s="8">
        <v>1187</v>
      </c>
      <c r="M7" s="9">
        <v>1212</v>
      </c>
      <c r="N7" s="10">
        <v>2399</v>
      </c>
    </row>
    <row r="8" spans="1:14" ht="18" customHeight="1" x14ac:dyDescent="0.4">
      <c r="A8" s="2" t="s">
        <v>1</v>
      </c>
      <c r="B8" s="15">
        <v>496</v>
      </c>
      <c r="C8" s="16">
        <v>6</v>
      </c>
      <c r="D8" s="17">
        <v>8</v>
      </c>
      <c r="E8" s="10">
        <v>510</v>
      </c>
      <c r="F8" s="8">
        <v>417</v>
      </c>
      <c r="G8" s="9">
        <v>388</v>
      </c>
      <c r="H8" s="10">
        <v>805</v>
      </c>
      <c r="I8" s="8">
        <v>10</v>
      </c>
      <c r="J8" s="9">
        <v>4</v>
      </c>
      <c r="K8" s="10">
        <v>14</v>
      </c>
      <c r="L8" s="8">
        <v>427</v>
      </c>
      <c r="M8" s="9">
        <v>392</v>
      </c>
      <c r="N8" s="10">
        <v>819</v>
      </c>
    </row>
    <row r="9" spans="1:14" ht="18" customHeight="1" x14ac:dyDescent="0.4">
      <c r="A9" s="2" t="s">
        <v>2</v>
      </c>
      <c r="B9" s="15">
        <v>2284</v>
      </c>
      <c r="C9" s="16">
        <v>30</v>
      </c>
      <c r="D9" s="17">
        <v>9</v>
      </c>
      <c r="E9" s="10">
        <v>2323</v>
      </c>
      <c r="F9" s="8">
        <v>2048</v>
      </c>
      <c r="G9" s="9">
        <v>2090</v>
      </c>
      <c r="H9" s="10">
        <v>4138</v>
      </c>
      <c r="I9" s="8">
        <v>32</v>
      </c>
      <c r="J9" s="9">
        <v>27</v>
      </c>
      <c r="K9" s="10">
        <v>59</v>
      </c>
      <c r="L9" s="8">
        <v>2080</v>
      </c>
      <c r="M9" s="9">
        <v>2117</v>
      </c>
      <c r="N9" s="10">
        <v>4197</v>
      </c>
    </row>
    <row r="10" spans="1:14" ht="18" customHeight="1" x14ac:dyDescent="0.4">
      <c r="A10" s="2" t="s">
        <v>3</v>
      </c>
      <c r="B10" s="15">
        <v>2299</v>
      </c>
      <c r="C10" s="16">
        <v>21</v>
      </c>
      <c r="D10" s="17">
        <v>20</v>
      </c>
      <c r="E10" s="10">
        <v>2340</v>
      </c>
      <c r="F10" s="8">
        <v>2073</v>
      </c>
      <c r="G10" s="9">
        <v>2311</v>
      </c>
      <c r="H10" s="10">
        <v>4384</v>
      </c>
      <c r="I10" s="8">
        <v>21</v>
      </c>
      <c r="J10" s="9">
        <v>28</v>
      </c>
      <c r="K10" s="10">
        <v>49</v>
      </c>
      <c r="L10" s="8">
        <v>2094</v>
      </c>
      <c r="M10" s="9">
        <v>2339</v>
      </c>
      <c r="N10" s="10">
        <v>4433</v>
      </c>
    </row>
    <row r="11" spans="1:14" ht="18" customHeight="1" x14ac:dyDescent="0.4">
      <c r="A11" s="2" t="s">
        <v>4</v>
      </c>
      <c r="B11" s="15">
        <v>1051</v>
      </c>
      <c r="C11" s="16">
        <v>11</v>
      </c>
      <c r="D11" s="17">
        <v>4</v>
      </c>
      <c r="E11" s="10">
        <v>1066</v>
      </c>
      <c r="F11" s="8">
        <v>902</v>
      </c>
      <c r="G11" s="9">
        <v>1038</v>
      </c>
      <c r="H11" s="10">
        <v>1940</v>
      </c>
      <c r="I11" s="8">
        <v>15</v>
      </c>
      <c r="J11" s="9">
        <v>12</v>
      </c>
      <c r="K11" s="10">
        <v>27</v>
      </c>
      <c r="L11" s="8">
        <v>917</v>
      </c>
      <c r="M11" s="9">
        <v>1050</v>
      </c>
      <c r="N11" s="10">
        <v>1967</v>
      </c>
    </row>
    <row r="12" spans="1:14" ht="18" customHeight="1" x14ac:dyDescent="0.4">
      <c r="A12" s="2" t="s">
        <v>5</v>
      </c>
      <c r="B12" s="15">
        <v>725</v>
      </c>
      <c r="C12" s="16">
        <v>6</v>
      </c>
      <c r="D12" s="17">
        <v>4</v>
      </c>
      <c r="E12" s="10">
        <v>735</v>
      </c>
      <c r="F12" s="8">
        <v>666</v>
      </c>
      <c r="G12" s="9">
        <v>680</v>
      </c>
      <c r="H12" s="10">
        <v>1346</v>
      </c>
      <c r="I12" s="8">
        <v>8</v>
      </c>
      <c r="J12" s="9">
        <v>8</v>
      </c>
      <c r="K12" s="10">
        <v>16</v>
      </c>
      <c r="L12" s="8">
        <v>674</v>
      </c>
      <c r="M12" s="9">
        <v>688</v>
      </c>
      <c r="N12" s="10">
        <v>1362</v>
      </c>
    </row>
    <row r="13" spans="1:14" ht="18" customHeight="1" x14ac:dyDescent="0.4">
      <c r="A13" s="2" t="s">
        <v>6</v>
      </c>
      <c r="B13" s="15">
        <v>645</v>
      </c>
      <c r="C13" s="16">
        <v>4</v>
      </c>
      <c r="D13" s="17">
        <v>4</v>
      </c>
      <c r="E13" s="10">
        <v>653</v>
      </c>
      <c r="F13" s="8">
        <v>633</v>
      </c>
      <c r="G13" s="9">
        <v>589</v>
      </c>
      <c r="H13" s="10">
        <v>1222</v>
      </c>
      <c r="I13" s="8">
        <v>6</v>
      </c>
      <c r="J13" s="9">
        <v>5</v>
      </c>
      <c r="K13" s="10">
        <v>11</v>
      </c>
      <c r="L13" s="8">
        <v>639</v>
      </c>
      <c r="M13" s="9">
        <v>594</v>
      </c>
      <c r="N13" s="10">
        <v>1233</v>
      </c>
    </row>
    <row r="14" spans="1:14" ht="18" customHeight="1" x14ac:dyDescent="0.4">
      <c r="A14" s="2" t="s">
        <v>7</v>
      </c>
      <c r="B14" s="15">
        <v>359</v>
      </c>
      <c r="C14" s="16">
        <v>17</v>
      </c>
      <c r="D14" s="17">
        <v>2</v>
      </c>
      <c r="E14" s="10">
        <v>378</v>
      </c>
      <c r="F14" s="8">
        <v>330</v>
      </c>
      <c r="G14" s="9">
        <v>398</v>
      </c>
      <c r="H14" s="10">
        <v>728</v>
      </c>
      <c r="I14" s="8">
        <v>16</v>
      </c>
      <c r="J14" s="9">
        <v>5</v>
      </c>
      <c r="K14" s="10">
        <v>21</v>
      </c>
      <c r="L14" s="8">
        <v>346</v>
      </c>
      <c r="M14" s="9">
        <v>403</v>
      </c>
      <c r="N14" s="10">
        <v>749</v>
      </c>
    </row>
    <row r="15" spans="1:14" ht="18" customHeight="1" x14ac:dyDescent="0.4">
      <c r="A15" s="2" t="s">
        <v>8</v>
      </c>
      <c r="B15" s="15">
        <v>1430</v>
      </c>
      <c r="C15" s="16">
        <v>58</v>
      </c>
      <c r="D15" s="17">
        <v>13</v>
      </c>
      <c r="E15" s="10">
        <v>1501</v>
      </c>
      <c r="F15" s="8">
        <v>1125</v>
      </c>
      <c r="G15" s="9">
        <v>1100</v>
      </c>
      <c r="H15" s="10">
        <v>2225</v>
      </c>
      <c r="I15" s="8">
        <v>54</v>
      </c>
      <c r="J15" s="9">
        <v>33</v>
      </c>
      <c r="K15" s="10">
        <v>87</v>
      </c>
      <c r="L15" s="8">
        <v>1179</v>
      </c>
      <c r="M15" s="9">
        <v>1133</v>
      </c>
      <c r="N15" s="10">
        <v>2312</v>
      </c>
    </row>
    <row r="16" spans="1:14" ht="18" customHeight="1" x14ac:dyDescent="0.4">
      <c r="A16" s="2" t="s">
        <v>9</v>
      </c>
      <c r="B16" s="15">
        <v>3305</v>
      </c>
      <c r="C16" s="16">
        <v>71</v>
      </c>
      <c r="D16" s="17">
        <v>39</v>
      </c>
      <c r="E16" s="10">
        <v>3415</v>
      </c>
      <c r="F16" s="8">
        <v>2960</v>
      </c>
      <c r="G16" s="9">
        <v>3345</v>
      </c>
      <c r="H16" s="10">
        <v>6305</v>
      </c>
      <c r="I16" s="8">
        <v>83</v>
      </c>
      <c r="J16" s="9">
        <v>73</v>
      </c>
      <c r="K16" s="10">
        <v>156</v>
      </c>
      <c r="L16" s="8">
        <v>3043</v>
      </c>
      <c r="M16" s="9">
        <v>3418</v>
      </c>
      <c r="N16" s="10">
        <v>6461</v>
      </c>
    </row>
    <row r="17" spans="1:14" ht="18" customHeight="1" x14ac:dyDescent="0.4">
      <c r="A17" s="2" t="s">
        <v>10</v>
      </c>
      <c r="B17" s="15">
        <v>1951</v>
      </c>
      <c r="C17" s="16">
        <v>57</v>
      </c>
      <c r="D17" s="17">
        <v>15</v>
      </c>
      <c r="E17" s="10">
        <v>2023</v>
      </c>
      <c r="F17" s="8">
        <v>1740</v>
      </c>
      <c r="G17" s="9">
        <v>1849</v>
      </c>
      <c r="H17" s="10">
        <v>3589</v>
      </c>
      <c r="I17" s="8">
        <v>52</v>
      </c>
      <c r="J17" s="9">
        <v>32</v>
      </c>
      <c r="K17" s="10">
        <v>84</v>
      </c>
      <c r="L17" s="8">
        <v>1792</v>
      </c>
      <c r="M17" s="9">
        <v>1881</v>
      </c>
      <c r="N17" s="10">
        <v>3673</v>
      </c>
    </row>
    <row r="18" spans="1:14" ht="18" customHeight="1" x14ac:dyDescent="0.4">
      <c r="A18" s="2" t="s">
        <v>11</v>
      </c>
      <c r="B18" s="15">
        <v>615</v>
      </c>
      <c r="C18" s="16">
        <v>4</v>
      </c>
      <c r="D18" s="17">
        <v>2</v>
      </c>
      <c r="E18" s="10">
        <v>621</v>
      </c>
      <c r="F18" s="8">
        <v>574</v>
      </c>
      <c r="G18" s="9">
        <v>524</v>
      </c>
      <c r="H18" s="10">
        <v>1098</v>
      </c>
      <c r="I18" s="8">
        <v>5</v>
      </c>
      <c r="J18" s="9">
        <v>2</v>
      </c>
      <c r="K18" s="10">
        <v>7</v>
      </c>
      <c r="L18" s="8">
        <v>579</v>
      </c>
      <c r="M18" s="9">
        <v>526</v>
      </c>
      <c r="N18" s="10">
        <v>1105</v>
      </c>
    </row>
    <row r="19" spans="1:14" ht="18" customHeight="1" x14ac:dyDescent="0.4">
      <c r="A19" s="2" t="s">
        <v>12</v>
      </c>
      <c r="B19" s="15">
        <v>2254</v>
      </c>
      <c r="C19" s="16">
        <v>67</v>
      </c>
      <c r="D19" s="17">
        <v>27</v>
      </c>
      <c r="E19" s="10">
        <v>2348</v>
      </c>
      <c r="F19" s="8">
        <v>2084</v>
      </c>
      <c r="G19" s="9">
        <v>2255</v>
      </c>
      <c r="H19" s="10">
        <v>4339</v>
      </c>
      <c r="I19" s="8">
        <v>46</v>
      </c>
      <c r="J19" s="9">
        <v>55</v>
      </c>
      <c r="K19" s="10">
        <v>101</v>
      </c>
      <c r="L19" s="8">
        <v>2130</v>
      </c>
      <c r="M19" s="9">
        <v>2310</v>
      </c>
      <c r="N19" s="10">
        <v>4440</v>
      </c>
    </row>
    <row r="20" spans="1:14" ht="18" customHeight="1" x14ac:dyDescent="0.4">
      <c r="A20" s="2" t="s">
        <v>13</v>
      </c>
      <c r="B20" s="15">
        <v>1679</v>
      </c>
      <c r="C20" s="16">
        <v>21</v>
      </c>
      <c r="D20" s="17">
        <v>15</v>
      </c>
      <c r="E20" s="10">
        <v>1715</v>
      </c>
      <c r="F20" s="8">
        <v>1862</v>
      </c>
      <c r="G20" s="9">
        <v>1960</v>
      </c>
      <c r="H20" s="10">
        <v>3822</v>
      </c>
      <c r="I20" s="8">
        <v>27</v>
      </c>
      <c r="J20" s="9">
        <v>21</v>
      </c>
      <c r="K20" s="10">
        <v>48</v>
      </c>
      <c r="L20" s="8">
        <v>1889</v>
      </c>
      <c r="M20" s="9">
        <v>1981</v>
      </c>
      <c r="N20" s="10">
        <v>3870</v>
      </c>
    </row>
    <row r="21" spans="1:14" ht="18" customHeight="1" x14ac:dyDescent="0.4">
      <c r="A21" s="2" t="s">
        <v>14</v>
      </c>
      <c r="B21" s="15">
        <v>1159</v>
      </c>
      <c r="C21" s="16">
        <v>35</v>
      </c>
      <c r="D21" s="17">
        <v>15</v>
      </c>
      <c r="E21" s="10">
        <v>1209</v>
      </c>
      <c r="F21" s="8">
        <v>1043</v>
      </c>
      <c r="G21" s="9">
        <v>1164</v>
      </c>
      <c r="H21" s="10">
        <v>2207</v>
      </c>
      <c r="I21" s="8">
        <v>37</v>
      </c>
      <c r="J21" s="9">
        <v>28</v>
      </c>
      <c r="K21" s="10">
        <v>65</v>
      </c>
      <c r="L21" s="8">
        <v>1080</v>
      </c>
      <c r="M21" s="9">
        <v>1192</v>
      </c>
      <c r="N21" s="10">
        <v>2272</v>
      </c>
    </row>
    <row r="22" spans="1:14" ht="18" customHeight="1" x14ac:dyDescent="0.4">
      <c r="A22" s="2" t="s">
        <v>15</v>
      </c>
      <c r="B22" s="15">
        <v>1021</v>
      </c>
      <c r="C22" s="16">
        <v>21</v>
      </c>
      <c r="D22" s="17">
        <v>12</v>
      </c>
      <c r="E22" s="10">
        <v>1054</v>
      </c>
      <c r="F22" s="8">
        <v>964</v>
      </c>
      <c r="G22" s="9">
        <v>1013</v>
      </c>
      <c r="H22" s="10">
        <v>1977</v>
      </c>
      <c r="I22" s="8">
        <v>27</v>
      </c>
      <c r="J22" s="9">
        <v>15</v>
      </c>
      <c r="K22" s="10">
        <v>42</v>
      </c>
      <c r="L22" s="8">
        <v>991</v>
      </c>
      <c r="M22" s="9">
        <v>1028</v>
      </c>
      <c r="N22" s="10">
        <v>2019</v>
      </c>
    </row>
    <row r="23" spans="1:14" ht="18" customHeight="1" x14ac:dyDescent="0.4">
      <c r="A23" s="2" t="s">
        <v>16</v>
      </c>
      <c r="B23" s="15">
        <v>2191</v>
      </c>
      <c r="C23" s="16">
        <v>38</v>
      </c>
      <c r="D23" s="17">
        <v>20</v>
      </c>
      <c r="E23" s="10">
        <v>2249</v>
      </c>
      <c r="F23" s="8">
        <v>2335</v>
      </c>
      <c r="G23" s="9">
        <v>2563</v>
      </c>
      <c r="H23" s="10">
        <v>4898</v>
      </c>
      <c r="I23" s="8">
        <v>42</v>
      </c>
      <c r="J23" s="9">
        <v>34</v>
      </c>
      <c r="K23" s="10">
        <v>76</v>
      </c>
      <c r="L23" s="8">
        <v>2377</v>
      </c>
      <c r="M23" s="9">
        <v>2597</v>
      </c>
      <c r="N23" s="10">
        <v>4974</v>
      </c>
    </row>
    <row r="24" spans="1:14" ht="18" customHeight="1" x14ac:dyDescent="0.4">
      <c r="A24" s="2" t="s">
        <v>17</v>
      </c>
      <c r="B24" s="15">
        <v>5322</v>
      </c>
      <c r="C24" s="16">
        <v>79</v>
      </c>
      <c r="D24" s="17">
        <v>48</v>
      </c>
      <c r="E24" s="10">
        <v>5449</v>
      </c>
      <c r="F24" s="8">
        <v>5837</v>
      </c>
      <c r="G24" s="9">
        <v>6451</v>
      </c>
      <c r="H24" s="10">
        <v>12288</v>
      </c>
      <c r="I24" s="8">
        <v>88</v>
      </c>
      <c r="J24" s="9">
        <v>66</v>
      </c>
      <c r="K24" s="10">
        <v>154</v>
      </c>
      <c r="L24" s="8">
        <v>5925</v>
      </c>
      <c r="M24" s="9">
        <v>6517</v>
      </c>
      <c r="N24" s="10">
        <v>12442</v>
      </c>
    </row>
    <row r="25" spans="1:14" ht="18" customHeight="1" x14ac:dyDescent="0.4">
      <c r="A25" s="2" t="s">
        <v>18</v>
      </c>
      <c r="B25" s="15">
        <v>2675</v>
      </c>
      <c r="C25" s="16">
        <v>25</v>
      </c>
      <c r="D25" s="17">
        <v>22</v>
      </c>
      <c r="E25" s="10">
        <v>2722</v>
      </c>
      <c r="F25" s="8">
        <v>2942</v>
      </c>
      <c r="G25" s="9">
        <v>3174</v>
      </c>
      <c r="H25" s="10">
        <v>6116</v>
      </c>
      <c r="I25" s="8">
        <v>29</v>
      </c>
      <c r="J25" s="9">
        <v>30</v>
      </c>
      <c r="K25" s="10">
        <v>59</v>
      </c>
      <c r="L25" s="8">
        <v>2971</v>
      </c>
      <c r="M25" s="9">
        <v>3204</v>
      </c>
      <c r="N25" s="10">
        <v>6175</v>
      </c>
    </row>
    <row r="26" spans="1:14" ht="18" customHeight="1" x14ac:dyDescent="0.4">
      <c r="A26" s="2" t="s">
        <v>19</v>
      </c>
      <c r="B26" s="15">
        <v>278</v>
      </c>
      <c r="C26" s="16">
        <v>2</v>
      </c>
      <c r="D26" s="17">
        <v>0</v>
      </c>
      <c r="E26" s="10">
        <v>280</v>
      </c>
      <c r="F26" s="8">
        <v>209</v>
      </c>
      <c r="G26" s="9">
        <v>205</v>
      </c>
      <c r="H26" s="10">
        <v>414</v>
      </c>
      <c r="I26" s="15">
        <v>2</v>
      </c>
      <c r="J26" s="16">
        <v>0</v>
      </c>
      <c r="K26" s="10">
        <v>2</v>
      </c>
      <c r="L26" s="8">
        <v>211</v>
      </c>
      <c r="M26" s="9">
        <v>205</v>
      </c>
      <c r="N26" s="10">
        <v>416</v>
      </c>
    </row>
    <row r="27" spans="1:14" ht="18" customHeight="1" x14ac:dyDescent="0.4">
      <c r="A27" s="2" t="s">
        <v>20</v>
      </c>
      <c r="B27" s="15">
        <v>1998</v>
      </c>
      <c r="C27" s="16">
        <v>29</v>
      </c>
      <c r="D27" s="17">
        <v>14</v>
      </c>
      <c r="E27" s="10">
        <v>2041</v>
      </c>
      <c r="F27" s="8">
        <v>2040</v>
      </c>
      <c r="G27" s="9">
        <v>2076</v>
      </c>
      <c r="H27" s="10">
        <v>4116</v>
      </c>
      <c r="I27" s="8">
        <v>23</v>
      </c>
      <c r="J27" s="9">
        <v>28</v>
      </c>
      <c r="K27" s="10">
        <v>51</v>
      </c>
      <c r="L27" s="8">
        <v>2063</v>
      </c>
      <c r="M27" s="9">
        <v>2104</v>
      </c>
      <c r="N27" s="10">
        <v>4167</v>
      </c>
    </row>
    <row r="28" spans="1:14" ht="18" customHeight="1" x14ac:dyDescent="0.4">
      <c r="A28" s="2" t="s">
        <v>21</v>
      </c>
      <c r="B28" s="15">
        <v>905</v>
      </c>
      <c r="C28" s="16">
        <v>23</v>
      </c>
      <c r="D28" s="17">
        <v>6</v>
      </c>
      <c r="E28" s="10">
        <v>934</v>
      </c>
      <c r="F28" s="8">
        <v>1042</v>
      </c>
      <c r="G28" s="9">
        <v>1020</v>
      </c>
      <c r="H28" s="10">
        <v>2062</v>
      </c>
      <c r="I28" s="8">
        <v>27</v>
      </c>
      <c r="J28" s="9">
        <v>10</v>
      </c>
      <c r="K28" s="10">
        <v>37</v>
      </c>
      <c r="L28" s="8">
        <v>1069</v>
      </c>
      <c r="M28" s="9">
        <v>1030</v>
      </c>
      <c r="N28" s="10">
        <v>2099</v>
      </c>
    </row>
    <row r="29" spans="1:14" ht="18" customHeight="1" x14ac:dyDescent="0.4">
      <c r="A29" s="2" t="s">
        <v>22</v>
      </c>
      <c r="B29" s="15">
        <v>2648</v>
      </c>
      <c r="C29" s="16">
        <v>53</v>
      </c>
      <c r="D29" s="17">
        <v>25</v>
      </c>
      <c r="E29" s="10">
        <v>2726</v>
      </c>
      <c r="F29" s="8">
        <v>2562</v>
      </c>
      <c r="G29" s="9">
        <v>2669</v>
      </c>
      <c r="H29" s="10">
        <v>5231</v>
      </c>
      <c r="I29" s="8">
        <v>63</v>
      </c>
      <c r="J29" s="9">
        <v>50</v>
      </c>
      <c r="K29" s="10">
        <v>113</v>
      </c>
      <c r="L29" s="8">
        <v>2625</v>
      </c>
      <c r="M29" s="9">
        <v>2719</v>
      </c>
      <c r="N29" s="10">
        <v>5344</v>
      </c>
    </row>
    <row r="30" spans="1:14" ht="18" customHeight="1" x14ac:dyDescent="0.4">
      <c r="A30" s="2" t="s">
        <v>23</v>
      </c>
      <c r="B30" s="15">
        <v>2604</v>
      </c>
      <c r="C30" s="16">
        <v>118</v>
      </c>
      <c r="D30" s="17">
        <v>14</v>
      </c>
      <c r="E30" s="10">
        <v>2736</v>
      </c>
      <c r="F30" s="8">
        <v>2808</v>
      </c>
      <c r="G30" s="9">
        <v>3002</v>
      </c>
      <c r="H30" s="10">
        <v>5810</v>
      </c>
      <c r="I30" s="8">
        <v>94</v>
      </c>
      <c r="J30" s="9">
        <v>45</v>
      </c>
      <c r="K30" s="10">
        <v>139</v>
      </c>
      <c r="L30" s="8">
        <v>2902</v>
      </c>
      <c r="M30" s="9">
        <v>3047</v>
      </c>
      <c r="N30" s="10">
        <v>5949</v>
      </c>
    </row>
    <row r="31" spans="1:14" ht="18" customHeight="1" x14ac:dyDescent="0.4">
      <c r="A31" s="2" t="s">
        <v>24</v>
      </c>
      <c r="B31" s="15">
        <v>1291</v>
      </c>
      <c r="C31" s="16">
        <v>21</v>
      </c>
      <c r="D31" s="17">
        <v>15</v>
      </c>
      <c r="E31" s="10">
        <v>1327</v>
      </c>
      <c r="F31" s="8">
        <v>1266</v>
      </c>
      <c r="G31" s="9">
        <v>1377</v>
      </c>
      <c r="H31" s="10">
        <v>2643</v>
      </c>
      <c r="I31" s="8">
        <v>29</v>
      </c>
      <c r="J31" s="9">
        <v>15</v>
      </c>
      <c r="K31" s="10">
        <v>44</v>
      </c>
      <c r="L31" s="8">
        <v>1295</v>
      </c>
      <c r="M31" s="9">
        <v>1392</v>
      </c>
      <c r="N31" s="10">
        <v>2687</v>
      </c>
    </row>
    <row r="32" spans="1:14" ht="18" customHeight="1" x14ac:dyDescent="0.4">
      <c r="A32" s="2" t="s">
        <v>25</v>
      </c>
      <c r="B32" s="15">
        <v>2795</v>
      </c>
      <c r="C32" s="16">
        <v>61</v>
      </c>
      <c r="D32" s="17">
        <v>27</v>
      </c>
      <c r="E32" s="10">
        <v>2883</v>
      </c>
      <c r="F32" s="8">
        <v>3157</v>
      </c>
      <c r="G32" s="9">
        <v>3229</v>
      </c>
      <c r="H32" s="10">
        <v>6386</v>
      </c>
      <c r="I32" s="8">
        <v>74</v>
      </c>
      <c r="J32" s="9">
        <v>36</v>
      </c>
      <c r="K32" s="10">
        <v>110</v>
      </c>
      <c r="L32" s="8">
        <v>3231</v>
      </c>
      <c r="M32" s="9">
        <v>3265</v>
      </c>
      <c r="N32" s="10">
        <v>6496</v>
      </c>
    </row>
    <row r="33" spans="1:14" ht="18" customHeight="1" x14ac:dyDescent="0.4">
      <c r="A33" s="2" t="s">
        <v>26</v>
      </c>
      <c r="B33" s="15">
        <v>3814</v>
      </c>
      <c r="C33" s="16">
        <v>91</v>
      </c>
      <c r="D33" s="17">
        <v>48</v>
      </c>
      <c r="E33" s="10">
        <v>3953</v>
      </c>
      <c r="F33" s="8">
        <v>3984</v>
      </c>
      <c r="G33" s="9">
        <v>4452</v>
      </c>
      <c r="H33" s="10">
        <v>8436</v>
      </c>
      <c r="I33" s="8">
        <v>124</v>
      </c>
      <c r="J33" s="9">
        <v>68</v>
      </c>
      <c r="K33" s="10">
        <v>192</v>
      </c>
      <c r="L33" s="8">
        <v>4108</v>
      </c>
      <c r="M33" s="9">
        <v>4520</v>
      </c>
      <c r="N33" s="10">
        <v>8628</v>
      </c>
    </row>
    <row r="34" spans="1:14" ht="18" customHeight="1" x14ac:dyDescent="0.4">
      <c r="A34" s="2" t="s">
        <v>27</v>
      </c>
      <c r="B34" s="15">
        <v>2216</v>
      </c>
      <c r="C34" s="16">
        <v>33</v>
      </c>
      <c r="D34" s="17">
        <v>18</v>
      </c>
      <c r="E34" s="10">
        <v>2267</v>
      </c>
      <c r="F34" s="8">
        <v>2306</v>
      </c>
      <c r="G34" s="9">
        <v>2302</v>
      </c>
      <c r="H34" s="10">
        <v>4608</v>
      </c>
      <c r="I34" s="8">
        <v>35</v>
      </c>
      <c r="J34" s="9">
        <v>27</v>
      </c>
      <c r="K34" s="10">
        <v>62</v>
      </c>
      <c r="L34" s="8">
        <v>2341</v>
      </c>
      <c r="M34" s="9">
        <v>2329</v>
      </c>
      <c r="N34" s="10">
        <v>4670</v>
      </c>
    </row>
    <row r="35" spans="1:14" ht="18" customHeight="1" x14ac:dyDescent="0.4">
      <c r="A35" s="2" t="s">
        <v>28</v>
      </c>
      <c r="B35" s="15">
        <v>475</v>
      </c>
      <c r="C35" s="16">
        <v>3</v>
      </c>
      <c r="D35" s="17">
        <v>5</v>
      </c>
      <c r="E35" s="10">
        <v>483</v>
      </c>
      <c r="F35" s="8">
        <v>555</v>
      </c>
      <c r="G35" s="9">
        <v>602</v>
      </c>
      <c r="H35" s="10">
        <v>1157</v>
      </c>
      <c r="I35" s="8">
        <v>5</v>
      </c>
      <c r="J35" s="9">
        <v>3</v>
      </c>
      <c r="K35" s="10">
        <v>8</v>
      </c>
      <c r="L35" s="8">
        <v>560</v>
      </c>
      <c r="M35" s="9">
        <v>605</v>
      </c>
      <c r="N35" s="10">
        <v>1165</v>
      </c>
    </row>
    <row r="36" spans="1:14" ht="18" customHeight="1" x14ac:dyDescent="0.4">
      <c r="A36" s="2" t="s">
        <v>29</v>
      </c>
      <c r="B36" s="15">
        <v>3263</v>
      </c>
      <c r="C36" s="16">
        <v>97</v>
      </c>
      <c r="D36" s="17">
        <v>46</v>
      </c>
      <c r="E36" s="10">
        <v>3406</v>
      </c>
      <c r="F36" s="8">
        <v>3339</v>
      </c>
      <c r="G36" s="9">
        <v>3619</v>
      </c>
      <c r="H36" s="10">
        <v>6958</v>
      </c>
      <c r="I36" s="8">
        <v>104</v>
      </c>
      <c r="J36" s="9">
        <v>77</v>
      </c>
      <c r="K36" s="10">
        <v>181</v>
      </c>
      <c r="L36" s="8">
        <v>3443</v>
      </c>
      <c r="M36" s="9">
        <v>3696</v>
      </c>
      <c r="N36" s="10">
        <v>7139</v>
      </c>
    </row>
    <row r="37" spans="1:14" ht="18" customHeight="1" x14ac:dyDescent="0.4">
      <c r="A37" s="2" t="s">
        <v>30</v>
      </c>
      <c r="B37" s="15">
        <v>1824</v>
      </c>
      <c r="C37" s="16">
        <v>58</v>
      </c>
      <c r="D37" s="17">
        <v>26</v>
      </c>
      <c r="E37" s="10">
        <v>1908</v>
      </c>
      <c r="F37" s="8">
        <v>1778</v>
      </c>
      <c r="G37" s="9">
        <v>2134</v>
      </c>
      <c r="H37" s="10">
        <v>3912</v>
      </c>
      <c r="I37" s="8">
        <v>64</v>
      </c>
      <c r="J37" s="9">
        <v>48</v>
      </c>
      <c r="K37" s="10">
        <v>112</v>
      </c>
      <c r="L37" s="8">
        <v>1842</v>
      </c>
      <c r="M37" s="9">
        <v>2182</v>
      </c>
      <c r="N37" s="10">
        <v>4024</v>
      </c>
    </row>
    <row r="38" spans="1:14" ht="18" customHeight="1" x14ac:dyDescent="0.4">
      <c r="A38" s="2" t="s">
        <v>31</v>
      </c>
      <c r="B38" s="15">
        <v>4028</v>
      </c>
      <c r="C38" s="16">
        <v>151</v>
      </c>
      <c r="D38" s="17">
        <v>42</v>
      </c>
      <c r="E38" s="10">
        <v>4221</v>
      </c>
      <c r="F38" s="8">
        <v>4270</v>
      </c>
      <c r="G38" s="9">
        <v>4432</v>
      </c>
      <c r="H38" s="10">
        <v>8702</v>
      </c>
      <c r="I38" s="8">
        <v>159</v>
      </c>
      <c r="J38" s="9">
        <v>70</v>
      </c>
      <c r="K38" s="10">
        <v>229</v>
      </c>
      <c r="L38" s="8">
        <v>4429</v>
      </c>
      <c r="M38" s="9">
        <v>4502</v>
      </c>
      <c r="N38" s="10">
        <v>8931</v>
      </c>
    </row>
    <row r="39" spans="1:14" ht="18" customHeight="1" x14ac:dyDescent="0.4">
      <c r="A39" s="2" t="s">
        <v>32</v>
      </c>
      <c r="B39" s="15">
        <v>1496</v>
      </c>
      <c r="C39" s="16">
        <v>29</v>
      </c>
      <c r="D39" s="17">
        <v>14</v>
      </c>
      <c r="E39" s="10">
        <v>1539</v>
      </c>
      <c r="F39" s="8">
        <v>1713</v>
      </c>
      <c r="G39" s="9">
        <v>1890</v>
      </c>
      <c r="H39" s="10">
        <v>3603</v>
      </c>
      <c r="I39" s="8">
        <v>28</v>
      </c>
      <c r="J39" s="9">
        <v>24</v>
      </c>
      <c r="K39" s="10">
        <v>52</v>
      </c>
      <c r="L39" s="8">
        <v>1741</v>
      </c>
      <c r="M39" s="9">
        <v>1914</v>
      </c>
      <c r="N39" s="10">
        <v>3655</v>
      </c>
    </row>
    <row r="40" spans="1:14" ht="18" customHeight="1" x14ac:dyDescent="0.4">
      <c r="A40" s="2" t="s">
        <v>33</v>
      </c>
      <c r="B40" s="15">
        <v>488</v>
      </c>
      <c r="C40" s="16">
        <v>11</v>
      </c>
      <c r="D40" s="17">
        <v>10</v>
      </c>
      <c r="E40" s="10">
        <v>509</v>
      </c>
      <c r="F40" s="8">
        <v>522</v>
      </c>
      <c r="G40" s="9">
        <v>586</v>
      </c>
      <c r="H40" s="10">
        <v>1108</v>
      </c>
      <c r="I40" s="8">
        <v>11</v>
      </c>
      <c r="J40" s="9">
        <v>14</v>
      </c>
      <c r="K40" s="10">
        <v>25</v>
      </c>
      <c r="L40" s="8">
        <v>533</v>
      </c>
      <c r="M40" s="9">
        <v>600</v>
      </c>
      <c r="N40" s="10">
        <v>1133</v>
      </c>
    </row>
    <row r="41" spans="1:14" ht="18" customHeight="1" x14ac:dyDescent="0.4">
      <c r="A41" s="2" t="s">
        <v>34</v>
      </c>
      <c r="B41" s="15">
        <v>1179</v>
      </c>
      <c r="C41" s="16">
        <v>19</v>
      </c>
      <c r="D41" s="17">
        <v>8</v>
      </c>
      <c r="E41" s="10">
        <v>1206</v>
      </c>
      <c r="F41" s="8">
        <v>1186</v>
      </c>
      <c r="G41" s="9">
        <v>1247</v>
      </c>
      <c r="H41" s="10">
        <v>2433</v>
      </c>
      <c r="I41" s="8">
        <v>13</v>
      </c>
      <c r="J41" s="9">
        <v>17</v>
      </c>
      <c r="K41" s="10">
        <v>30</v>
      </c>
      <c r="L41" s="8">
        <v>1199</v>
      </c>
      <c r="M41" s="9">
        <v>1264</v>
      </c>
      <c r="N41" s="10">
        <v>2463</v>
      </c>
    </row>
    <row r="42" spans="1:14" ht="18" customHeight="1" x14ac:dyDescent="0.4">
      <c r="A42" s="2" t="s">
        <v>35</v>
      </c>
      <c r="B42" s="15">
        <v>1182</v>
      </c>
      <c r="C42" s="16">
        <v>16</v>
      </c>
      <c r="D42" s="17">
        <v>5</v>
      </c>
      <c r="E42" s="10">
        <v>1203</v>
      </c>
      <c r="F42" s="8">
        <v>1367</v>
      </c>
      <c r="G42" s="9">
        <v>1435</v>
      </c>
      <c r="H42" s="10">
        <v>2802</v>
      </c>
      <c r="I42" s="8">
        <v>19</v>
      </c>
      <c r="J42" s="9">
        <v>6</v>
      </c>
      <c r="K42" s="10">
        <v>25</v>
      </c>
      <c r="L42" s="8">
        <v>1386</v>
      </c>
      <c r="M42" s="9">
        <v>1441</v>
      </c>
      <c r="N42" s="10">
        <v>2827</v>
      </c>
    </row>
    <row r="43" spans="1:14" ht="18" customHeight="1" x14ac:dyDescent="0.4">
      <c r="A43" s="2" t="s">
        <v>36</v>
      </c>
      <c r="B43" s="15">
        <v>1142</v>
      </c>
      <c r="C43" s="16">
        <v>54</v>
      </c>
      <c r="D43" s="17">
        <v>10</v>
      </c>
      <c r="E43" s="10">
        <v>1206</v>
      </c>
      <c r="F43" s="8">
        <v>1234</v>
      </c>
      <c r="G43" s="9">
        <v>1227</v>
      </c>
      <c r="H43" s="10">
        <v>2461</v>
      </c>
      <c r="I43" s="8">
        <v>30</v>
      </c>
      <c r="J43" s="9">
        <v>43</v>
      </c>
      <c r="K43" s="10">
        <v>73</v>
      </c>
      <c r="L43" s="8">
        <v>1264</v>
      </c>
      <c r="M43" s="9">
        <v>1270</v>
      </c>
      <c r="N43" s="10">
        <v>2534</v>
      </c>
    </row>
    <row r="44" spans="1:14" ht="18" customHeight="1" x14ac:dyDescent="0.4">
      <c r="A44" s="2" t="s">
        <v>37</v>
      </c>
      <c r="B44" s="15">
        <v>158</v>
      </c>
      <c r="C44" s="16">
        <v>2</v>
      </c>
      <c r="D44" s="17">
        <v>0</v>
      </c>
      <c r="E44" s="10">
        <v>160</v>
      </c>
      <c r="F44" s="8">
        <v>108</v>
      </c>
      <c r="G44" s="9">
        <v>175</v>
      </c>
      <c r="H44" s="10">
        <v>283</v>
      </c>
      <c r="I44" s="8">
        <v>1</v>
      </c>
      <c r="J44" s="9">
        <v>3</v>
      </c>
      <c r="K44" s="10">
        <v>4</v>
      </c>
      <c r="L44" s="8">
        <v>109</v>
      </c>
      <c r="M44" s="9">
        <v>178</v>
      </c>
      <c r="N44" s="10">
        <v>287</v>
      </c>
    </row>
    <row r="45" spans="1:14" ht="18" customHeight="1" x14ac:dyDescent="0.4">
      <c r="A45" s="2"/>
      <c r="B45" s="15"/>
      <c r="C45" s="16"/>
      <c r="D45" s="17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15"/>
      <c r="C46" s="16"/>
      <c r="D46" s="17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15"/>
      <c r="C47" s="16"/>
      <c r="D47" s="17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15"/>
      <c r="C48" s="16"/>
      <c r="D48" s="17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6370</v>
      </c>
      <c r="C52" s="9">
        <v>1459</v>
      </c>
      <c r="D52" s="14">
        <v>617</v>
      </c>
      <c r="E52" s="10">
        <v>68446</v>
      </c>
      <c r="F52" s="8">
        <v>67156</v>
      </c>
      <c r="G52" s="9">
        <v>71772</v>
      </c>
      <c r="H52" s="10">
        <v>138928</v>
      </c>
      <c r="I52" s="8">
        <v>1515</v>
      </c>
      <c r="J52" s="9">
        <v>1073</v>
      </c>
      <c r="K52" s="10">
        <v>2588</v>
      </c>
      <c r="L52" s="8">
        <v>68671</v>
      </c>
      <c r="M52" s="9">
        <v>72845</v>
      </c>
      <c r="N52" s="10">
        <v>141516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87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6-04-03T05:22:04Z</cp:lastPrinted>
  <dcterms:created xsi:type="dcterms:W3CDTF">2019-11-13T09:53:37Z</dcterms:created>
  <dcterms:modified xsi:type="dcterms:W3CDTF">2026-04-03T05:22:09Z</dcterms:modified>
</cp:coreProperties>
</file>